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6" r:id="rId6"/>
    <p:sldId id="277" r:id="rId7"/>
    <p:sldId id="273" r:id="rId8"/>
    <p:sldId id="278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AC832"/>
    <a:srgbClr val="1E32F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0BDD20B-AB5A-4EE4-BFEA-9B020A4A4028}" v="11" dt="2024-05-30T08:54:31.587"/>
    <p1510:client id="{D965FEBF-8259-41A6-B36B-237A1031E3A7}" v="21" dt="2024-05-30T08:23:56.231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80" d="100"/>
          <a:sy n="80" d="100"/>
        </p:scale>
        <p:origin x="67" y="41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microsoft.com/office/2015/10/relationships/revisionInfo" Target="revisionInfo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Kristabela Garnace" userId="997c92d6-c8db-4a35-a0be-1d48cc4c28a8" providerId="ADAL" clId="{36EEB203-B7AB-4070-BF18-58C083E9552A}"/>
    <pc:docChg chg="custSel modSld">
      <pc:chgData name="Kristabela Garnace" userId="997c92d6-c8db-4a35-a0be-1d48cc4c28a8" providerId="ADAL" clId="{36EEB203-B7AB-4070-BF18-58C083E9552A}" dt="2024-05-20T16:08:40.647" v="15" actId="14826"/>
      <pc:docMkLst>
        <pc:docMk/>
      </pc:docMkLst>
      <pc:sldChg chg="addSp delSp modSp mod">
        <pc:chgData name="Kristabela Garnace" userId="997c92d6-c8db-4a35-a0be-1d48cc4c28a8" providerId="ADAL" clId="{36EEB203-B7AB-4070-BF18-58C083E9552A}" dt="2024-05-20T16:08:08.916" v="12" actId="14826"/>
        <pc:sldMkLst>
          <pc:docMk/>
          <pc:sldMk cId="2748576720" sldId="257"/>
        </pc:sldMkLst>
        <pc:spChg chg="del">
          <ac:chgData name="Kristabela Garnace" userId="997c92d6-c8db-4a35-a0be-1d48cc4c28a8" providerId="ADAL" clId="{36EEB203-B7AB-4070-BF18-58C083E9552A}" dt="2024-05-03T11:37:52.339" v="0" actId="478"/>
          <ac:spMkLst>
            <pc:docMk/>
            <pc:sldMk cId="2748576720" sldId="257"/>
            <ac:spMk id="3" creationId="{4B8FD893-D988-594C-A568-5BCEC575C5A4}"/>
          </ac:spMkLst>
        </pc:spChg>
        <pc:spChg chg="del">
          <ac:chgData name="Kristabela Garnace" userId="997c92d6-c8db-4a35-a0be-1d48cc4c28a8" providerId="ADAL" clId="{36EEB203-B7AB-4070-BF18-58C083E9552A}" dt="2024-05-03T11:37:52.339" v="0" actId="478"/>
          <ac:spMkLst>
            <pc:docMk/>
            <pc:sldMk cId="2748576720" sldId="257"/>
            <ac:spMk id="4" creationId="{B17441FC-E40F-196E-0302-C494946304D3}"/>
          </ac:spMkLst>
        </pc:spChg>
        <pc:spChg chg="del">
          <ac:chgData name="Kristabela Garnace" userId="997c92d6-c8db-4a35-a0be-1d48cc4c28a8" providerId="ADAL" clId="{36EEB203-B7AB-4070-BF18-58C083E9552A}" dt="2024-05-03T11:37:52.339" v="0" actId="478"/>
          <ac:spMkLst>
            <pc:docMk/>
            <pc:sldMk cId="2748576720" sldId="257"/>
            <ac:spMk id="5" creationId="{5343F856-735D-0D8B-B6CD-1BC341BC45CE}"/>
          </ac:spMkLst>
        </pc:spChg>
        <pc:spChg chg="add del mod">
          <ac:chgData name="Kristabela Garnace" userId="997c92d6-c8db-4a35-a0be-1d48cc4c28a8" providerId="ADAL" clId="{36EEB203-B7AB-4070-BF18-58C083E9552A}" dt="2024-05-03T11:37:54.981" v="1" actId="478"/>
          <ac:spMkLst>
            <pc:docMk/>
            <pc:sldMk cId="2748576720" sldId="257"/>
            <ac:spMk id="6" creationId="{8379EF77-E39C-454E-189F-64859B780663}"/>
          </ac:spMkLst>
        </pc:spChg>
        <pc:spChg chg="del">
          <ac:chgData name="Kristabela Garnace" userId="997c92d6-c8db-4a35-a0be-1d48cc4c28a8" providerId="ADAL" clId="{36EEB203-B7AB-4070-BF18-58C083E9552A}" dt="2024-05-03T11:37:52.339" v="0" actId="478"/>
          <ac:spMkLst>
            <pc:docMk/>
            <pc:sldMk cId="2748576720" sldId="257"/>
            <ac:spMk id="18" creationId="{3303AB1C-A1C6-67B3-6D5F-F41ABB624B23}"/>
          </ac:spMkLst>
        </pc:spChg>
        <pc:spChg chg="del">
          <ac:chgData name="Kristabela Garnace" userId="997c92d6-c8db-4a35-a0be-1d48cc4c28a8" providerId="ADAL" clId="{36EEB203-B7AB-4070-BF18-58C083E9552A}" dt="2024-05-03T11:37:52.339" v="0" actId="478"/>
          <ac:spMkLst>
            <pc:docMk/>
            <pc:sldMk cId="2748576720" sldId="257"/>
            <ac:spMk id="35" creationId="{32CEF7D5-037E-404D-B964-AAAAD721CD04}"/>
          </ac:spMkLst>
        </pc:spChg>
        <pc:picChg chg="del">
          <ac:chgData name="Kristabela Garnace" userId="997c92d6-c8db-4a35-a0be-1d48cc4c28a8" providerId="ADAL" clId="{36EEB203-B7AB-4070-BF18-58C083E9552A}" dt="2024-05-03T11:37:52.339" v="0" actId="478"/>
          <ac:picMkLst>
            <pc:docMk/>
            <pc:sldMk cId="2748576720" sldId="257"/>
            <ac:picMk id="8" creationId="{D3CAE67F-6E8A-33C5-02F6-83877017632F}"/>
          </ac:picMkLst>
        </pc:picChg>
        <pc:picChg chg="add mod">
          <ac:chgData name="Kristabela Garnace" userId="997c92d6-c8db-4a35-a0be-1d48cc4c28a8" providerId="ADAL" clId="{36EEB203-B7AB-4070-BF18-58C083E9552A}" dt="2024-05-20T16:08:08.916" v="12" actId="14826"/>
          <ac:picMkLst>
            <pc:docMk/>
            <pc:sldMk cId="2748576720" sldId="257"/>
            <ac:picMk id="9" creationId="{34F779DA-5C51-BF63-6650-FF9C5DDFF43F}"/>
          </ac:picMkLst>
        </pc:picChg>
        <pc:picChg chg="del">
          <ac:chgData name="Kristabela Garnace" userId="997c92d6-c8db-4a35-a0be-1d48cc4c28a8" providerId="ADAL" clId="{36EEB203-B7AB-4070-BF18-58C083E9552A}" dt="2024-05-03T11:37:52.339" v="0" actId="478"/>
          <ac:picMkLst>
            <pc:docMk/>
            <pc:sldMk cId="2748576720" sldId="257"/>
            <ac:picMk id="12" creationId="{E06FB238-3A62-3E2D-1444-B3870DECE7A1}"/>
          </ac:picMkLst>
        </pc:picChg>
      </pc:sldChg>
      <pc:sldChg chg="modSp">
        <pc:chgData name="Kristabela Garnace" userId="997c92d6-c8db-4a35-a0be-1d48cc4c28a8" providerId="ADAL" clId="{36EEB203-B7AB-4070-BF18-58C083E9552A}" dt="2024-05-20T16:08:21.805" v="13" actId="14826"/>
        <pc:sldMkLst>
          <pc:docMk/>
          <pc:sldMk cId="3035780936" sldId="271"/>
        </pc:sldMkLst>
        <pc:picChg chg="mod">
          <ac:chgData name="Kristabela Garnace" userId="997c92d6-c8db-4a35-a0be-1d48cc4c28a8" providerId="ADAL" clId="{36EEB203-B7AB-4070-BF18-58C083E9552A}" dt="2024-05-20T16:08:21.805" v="13" actId="14826"/>
          <ac:picMkLst>
            <pc:docMk/>
            <pc:sldMk cId="3035780936" sldId="271"/>
            <ac:picMk id="4" creationId="{B69E8A99-20F6-65C5-4810-51822F73699E}"/>
          </ac:picMkLst>
        </pc:picChg>
      </pc:sldChg>
      <pc:sldChg chg="addSp delSp modSp mod">
        <pc:chgData name="Kristabela Garnace" userId="997c92d6-c8db-4a35-a0be-1d48cc4c28a8" providerId="ADAL" clId="{36EEB203-B7AB-4070-BF18-58C083E9552A}" dt="2024-05-20T16:08:40.647" v="15" actId="14826"/>
        <pc:sldMkLst>
          <pc:docMk/>
          <pc:sldMk cId="245014488" sldId="273"/>
        </pc:sldMkLst>
        <pc:spChg chg="del">
          <ac:chgData name="Kristabela Garnace" userId="997c92d6-c8db-4a35-a0be-1d48cc4c28a8" providerId="ADAL" clId="{36EEB203-B7AB-4070-BF18-58C083E9552A}" dt="2024-05-03T11:39:10.479" v="7" actId="478"/>
          <ac:spMkLst>
            <pc:docMk/>
            <pc:sldMk cId="245014488" sldId="273"/>
            <ac:spMk id="17" creationId="{7E242B1F-447C-C2FD-5776-51AA6272A986}"/>
          </ac:spMkLst>
        </pc:spChg>
        <pc:spChg chg="del">
          <ac:chgData name="Kristabela Garnace" userId="997c92d6-c8db-4a35-a0be-1d48cc4c28a8" providerId="ADAL" clId="{36EEB203-B7AB-4070-BF18-58C083E9552A}" dt="2024-05-03T11:39:10.479" v="7" actId="478"/>
          <ac:spMkLst>
            <pc:docMk/>
            <pc:sldMk cId="245014488" sldId="273"/>
            <ac:spMk id="35" creationId="{32CEF7D5-037E-404D-B964-AAAAD721CD04}"/>
          </ac:spMkLst>
        </pc:spChg>
        <pc:picChg chg="add mod">
          <ac:chgData name="Kristabela Garnace" userId="997c92d6-c8db-4a35-a0be-1d48cc4c28a8" providerId="ADAL" clId="{36EEB203-B7AB-4070-BF18-58C083E9552A}" dt="2024-05-20T16:08:40.647" v="15" actId="14826"/>
          <ac:picMkLst>
            <pc:docMk/>
            <pc:sldMk cId="245014488" sldId="273"/>
            <ac:picMk id="3" creationId="{FCF3915B-77E5-97B6-FB76-4E4006E3E4C1}"/>
          </ac:picMkLst>
        </pc:picChg>
        <pc:picChg chg="del mod">
          <ac:chgData name="Kristabela Garnace" userId="997c92d6-c8db-4a35-a0be-1d48cc4c28a8" providerId="ADAL" clId="{36EEB203-B7AB-4070-BF18-58C083E9552A}" dt="2024-05-03T11:39:10.479" v="7" actId="478"/>
          <ac:picMkLst>
            <pc:docMk/>
            <pc:sldMk cId="245014488" sldId="273"/>
            <ac:picMk id="4" creationId="{29FF22C3-D130-1F16-7394-0E2C24F599C8}"/>
          </ac:picMkLst>
        </pc:picChg>
      </pc:sldChg>
      <pc:sldChg chg="modSp">
        <pc:chgData name="Kristabela Garnace" userId="997c92d6-c8db-4a35-a0be-1d48cc4c28a8" providerId="ADAL" clId="{36EEB203-B7AB-4070-BF18-58C083E9552A}" dt="2024-05-20T16:08:34.256" v="14" actId="14826"/>
        <pc:sldMkLst>
          <pc:docMk/>
          <pc:sldMk cId="789460267" sldId="274"/>
        </pc:sldMkLst>
        <pc:picChg chg="mod">
          <ac:chgData name="Kristabela Garnace" userId="997c92d6-c8db-4a35-a0be-1d48cc4c28a8" providerId="ADAL" clId="{36EEB203-B7AB-4070-BF18-58C083E9552A}" dt="2024-05-20T16:08:34.256" v="14" actId="14826"/>
          <ac:picMkLst>
            <pc:docMk/>
            <pc:sldMk cId="789460267" sldId="274"/>
            <ac:picMk id="3" creationId="{517B06AD-F5BD-4BA8-22C8-3AE4D888444E}"/>
          </ac:picMkLst>
        </pc:picChg>
      </pc:sldChg>
    </pc:docChg>
  </pc:docChgLst>
  <pc:docChgLst>
    <pc:chgData name="Miora Rakotomavo" userId="0542eb8e-0c83-4bd8-bda9-0dca6cb8b5f9" providerId="ADAL" clId="{20BDD20B-AB5A-4EE4-BFEA-9B020A4A4028}"/>
    <pc:docChg chg="undo custSel addSld delSld modSld">
      <pc:chgData name="Miora Rakotomavo" userId="0542eb8e-0c83-4bd8-bda9-0dca6cb8b5f9" providerId="ADAL" clId="{20BDD20B-AB5A-4EE4-BFEA-9B020A4A4028}" dt="2024-05-30T08:55:06.323" v="48" actId="34135"/>
      <pc:docMkLst>
        <pc:docMk/>
      </pc:docMkLst>
      <pc:sldChg chg="addSp delSp modSp mod">
        <pc:chgData name="Miora Rakotomavo" userId="0542eb8e-0c83-4bd8-bda9-0dca6cb8b5f9" providerId="ADAL" clId="{20BDD20B-AB5A-4EE4-BFEA-9B020A4A4028}" dt="2024-05-30T08:54:43.270" v="39" actId="34135"/>
        <pc:sldMkLst>
          <pc:docMk/>
          <pc:sldMk cId="2748576720" sldId="257"/>
        </pc:sldMkLst>
        <pc:picChg chg="del mod">
          <ac:chgData name="Miora Rakotomavo" userId="0542eb8e-0c83-4bd8-bda9-0dca6cb8b5f9" providerId="ADAL" clId="{20BDD20B-AB5A-4EE4-BFEA-9B020A4A4028}" dt="2024-05-30T08:51:27.399" v="3" actId="478"/>
          <ac:picMkLst>
            <pc:docMk/>
            <pc:sldMk cId="2748576720" sldId="257"/>
            <ac:picMk id="3" creationId="{F91F880B-A755-5C2E-D781-6726334C5B63}"/>
          </ac:picMkLst>
        </pc:picChg>
        <pc:picChg chg="add mod">
          <ac:chgData name="Miora Rakotomavo" userId="0542eb8e-0c83-4bd8-bda9-0dca6cb8b5f9" providerId="ADAL" clId="{20BDD20B-AB5A-4EE4-BFEA-9B020A4A4028}" dt="2024-05-30T08:54:43.270" v="39" actId="34135"/>
          <ac:picMkLst>
            <pc:docMk/>
            <pc:sldMk cId="2748576720" sldId="257"/>
            <ac:picMk id="4" creationId="{C9ABF6F5-5903-79B3-2717-BE07E77CB1C6}"/>
          </ac:picMkLst>
        </pc:picChg>
      </pc:sldChg>
      <pc:sldChg chg="addSp delSp modSp mod">
        <pc:chgData name="Miora Rakotomavo" userId="0542eb8e-0c83-4bd8-bda9-0dca6cb8b5f9" providerId="ADAL" clId="{20BDD20B-AB5A-4EE4-BFEA-9B020A4A4028}" dt="2024-05-30T08:55:06.323" v="48" actId="34135"/>
        <pc:sldMkLst>
          <pc:docMk/>
          <pc:sldMk cId="245014488" sldId="273"/>
        </pc:sldMkLst>
        <pc:picChg chg="add mod">
          <ac:chgData name="Miora Rakotomavo" userId="0542eb8e-0c83-4bd8-bda9-0dca6cb8b5f9" providerId="ADAL" clId="{20BDD20B-AB5A-4EE4-BFEA-9B020A4A4028}" dt="2024-05-30T08:55:06.323" v="48" actId="34135"/>
          <ac:picMkLst>
            <pc:docMk/>
            <pc:sldMk cId="245014488" sldId="273"/>
            <ac:picMk id="3" creationId="{1F3C476F-4D3F-0998-3877-A2B32703D766}"/>
          </ac:picMkLst>
        </pc:picChg>
        <pc:picChg chg="del">
          <ac:chgData name="Miora Rakotomavo" userId="0542eb8e-0c83-4bd8-bda9-0dca6cb8b5f9" providerId="ADAL" clId="{20BDD20B-AB5A-4EE4-BFEA-9B020A4A4028}" dt="2024-05-30T08:52:08.409" v="12" actId="478"/>
          <ac:picMkLst>
            <pc:docMk/>
            <pc:sldMk cId="245014488" sldId="273"/>
            <ac:picMk id="4" creationId="{91E5097D-9F8D-F527-700A-FA79D200CCBA}"/>
          </ac:picMkLst>
        </pc:picChg>
      </pc:sldChg>
      <pc:sldChg chg="del">
        <pc:chgData name="Miora Rakotomavo" userId="0542eb8e-0c83-4bd8-bda9-0dca6cb8b5f9" providerId="ADAL" clId="{20BDD20B-AB5A-4EE4-BFEA-9B020A4A4028}" dt="2024-05-30T08:54:35.520" v="35" actId="2696"/>
        <pc:sldMkLst>
          <pc:docMk/>
          <pc:sldMk cId="789460267" sldId="274"/>
        </pc:sldMkLst>
      </pc:sldChg>
      <pc:sldChg chg="addSp delSp modSp mod">
        <pc:chgData name="Miora Rakotomavo" userId="0542eb8e-0c83-4bd8-bda9-0dca6cb8b5f9" providerId="ADAL" clId="{20BDD20B-AB5A-4EE4-BFEA-9B020A4A4028}" dt="2024-05-30T08:52:00.963" v="10" actId="34135"/>
        <pc:sldMkLst>
          <pc:docMk/>
          <pc:sldMk cId="3288157543" sldId="276"/>
        </pc:sldMkLst>
        <pc:picChg chg="add mod ord">
          <ac:chgData name="Miora Rakotomavo" userId="0542eb8e-0c83-4bd8-bda9-0dca6cb8b5f9" providerId="ADAL" clId="{20BDD20B-AB5A-4EE4-BFEA-9B020A4A4028}" dt="2024-05-30T08:52:00.963" v="10" actId="34135"/>
          <ac:picMkLst>
            <pc:docMk/>
            <pc:sldMk cId="3288157543" sldId="276"/>
            <ac:picMk id="4" creationId="{C9798500-77CC-57E7-21CB-5CA34DE461EA}"/>
          </ac:picMkLst>
        </pc:picChg>
        <pc:picChg chg="del">
          <ac:chgData name="Miora Rakotomavo" userId="0542eb8e-0c83-4bd8-bda9-0dca6cb8b5f9" providerId="ADAL" clId="{20BDD20B-AB5A-4EE4-BFEA-9B020A4A4028}" dt="2024-05-30T08:51:40.013" v="5" actId="478"/>
          <ac:picMkLst>
            <pc:docMk/>
            <pc:sldMk cId="3288157543" sldId="276"/>
            <ac:picMk id="6" creationId="{8F61A63A-B401-8369-C849-52BA1773D999}"/>
          </ac:picMkLst>
        </pc:picChg>
      </pc:sldChg>
      <pc:sldChg chg="addSp delSp modSp add mod">
        <pc:chgData name="Miora Rakotomavo" userId="0542eb8e-0c83-4bd8-bda9-0dca6cb8b5f9" providerId="ADAL" clId="{20BDD20B-AB5A-4EE4-BFEA-9B020A4A4028}" dt="2024-05-30T08:55:02.046" v="45" actId="34135"/>
        <pc:sldMkLst>
          <pc:docMk/>
          <pc:sldMk cId="3384627276" sldId="277"/>
        </pc:sldMkLst>
        <pc:spChg chg="del mod modVis">
          <ac:chgData name="Miora Rakotomavo" userId="0542eb8e-0c83-4bd8-bda9-0dca6cb8b5f9" providerId="ADAL" clId="{20BDD20B-AB5A-4EE4-BFEA-9B020A4A4028}" dt="2024-05-30T08:54:10.904" v="31" actId="478"/>
          <ac:spMkLst>
            <pc:docMk/>
            <pc:sldMk cId="3384627276" sldId="277"/>
            <ac:spMk id="5" creationId="{3805FF7A-3484-1EDE-7EE4-BBE196BA4DB2}"/>
          </ac:spMkLst>
        </pc:spChg>
        <pc:spChg chg="del mod modVis">
          <ac:chgData name="Miora Rakotomavo" userId="0542eb8e-0c83-4bd8-bda9-0dca6cb8b5f9" providerId="ADAL" clId="{20BDD20B-AB5A-4EE4-BFEA-9B020A4A4028}" dt="2024-05-30T08:54:07.135" v="30" actId="478"/>
          <ac:spMkLst>
            <pc:docMk/>
            <pc:sldMk cId="3384627276" sldId="277"/>
            <ac:spMk id="7" creationId="{22BEFDDE-4F75-E4C1-D461-F2DC7262A728}"/>
          </ac:spMkLst>
        </pc:spChg>
        <pc:spChg chg="add del mod modVis">
          <ac:chgData name="Miora Rakotomavo" userId="0542eb8e-0c83-4bd8-bda9-0dca6cb8b5f9" providerId="ADAL" clId="{20BDD20B-AB5A-4EE4-BFEA-9B020A4A4028}" dt="2024-05-30T08:54:04.578" v="28" actId="478"/>
          <ac:spMkLst>
            <pc:docMk/>
            <pc:sldMk cId="3384627276" sldId="277"/>
            <ac:spMk id="11" creationId="{D7117594-489B-29F6-A61E-4717D1FEDA54}"/>
          </ac:spMkLst>
        </pc:spChg>
        <pc:spChg chg="add mod">
          <ac:chgData name="Miora Rakotomavo" userId="0542eb8e-0c83-4bd8-bda9-0dca6cb8b5f9" providerId="ADAL" clId="{20BDD20B-AB5A-4EE4-BFEA-9B020A4A4028}" dt="2024-05-30T08:54:57.184" v="42" actId="34135"/>
          <ac:spMkLst>
            <pc:docMk/>
            <pc:sldMk cId="3384627276" sldId="277"/>
            <ac:spMk id="12" creationId="{9BDA557D-5FEA-9A7F-BDC9-33AF609AAC40}"/>
          </ac:spMkLst>
        </pc:spChg>
        <pc:spChg chg="add mod">
          <ac:chgData name="Miora Rakotomavo" userId="0542eb8e-0c83-4bd8-bda9-0dca6cb8b5f9" providerId="ADAL" clId="{20BDD20B-AB5A-4EE4-BFEA-9B020A4A4028}" dt="2024-05-30T08:55:02.046" v="45" actId="34135"/>
          <ac:spMkLst>
            <pc:docMk/>
            <pc:sldMk cId="3384627276" sldId="277"/>
            <ac:spMk id="13" creationId="{03077828-2617-A320-F2E6-8DB883BEE557}"/>
          </ac:spMkLst>
        </pc:spChg>
        <pc:picChg chg="add del mod">
          <ac:chgData name="Miora Rakotomavo" userId="0542eb8e-0c83-4bd8-bda9-0dca6cb8b5f9" providerId="ADAL" clId="{20BDD20B-AB5A-4EE4-BFEA-9B020A4A4028}" dt="2024-05-30T08:53:02.848" v="24" actId="931"/>
          <ac:picMkLst>
            <pc:docMk/>
            <pc:sldMk cId="3384627276" sldId="277"/>
            <ac:picMk id="3" creationId="{81F32B8F-1449-E470-2D2F-D869954FAF2F}"/>
          </ac:picMkLst>
        </pc:picChg>
        <pc:picChg chg="del mod ord modVis">
          <ac:chgData name="Miora Rakotomavo" userId="0542eb8e-0c83-4bd8-bda9-0dca6cb8b5f9" providerId="ADAL" clId="{20BDD20B-AB5A-4EE4-BFEA-9B020A4A4028}" dt="2024-05-30T08:52:40.167" v="22" actId="478"/>
          <ac:picMkLst>
            <pc:docMk/>
            <pc:sldMk cId="3384627276" sldId="277"/>
            <ac:picMk id="6" creationId="{966BA030-2788-0763-B74F-AABF6C1AAD68}"/>
          </ac:picMkLst>
        </pc:picChg>
        <pc:picChg chg="add del mod">
          <ac:chgData name="Miora Rakotomavo" userId="0542eb8e-0c83-4bd8-bda9-0dca6cb8b5f9" providerId="ADAL" clId="{20BDD20B-AB5A-4EE4-BFEA-9B020A4A4028}" dt="2024-05-30T08:53:53.021" v="26" actId="931"/>
          <ac:picMkLst>
            <pc:docMk/>
            <pc:sldMk cId="3384627276" sldId="277"/>
            <ac:picMk id="8" creationId="{8FC43635-5AE3-8AD3-632F-9ED55D1D51F4}"/>
          </ac:picMkLst>
        </pc:picChg>
        <pc:picChg chg="add mod">
          <ac:chgData name="Miora Rakotomavo" userId="0542eb8e-0c83-4bd8-bda9-0dca6cb8b5f9" providerId="ADAL" clId="{20BDD20B-AB5A-4EE4-BFEA-9B020A4A4028}" dt="2024-05-30T08:54:40.333" v="38" actId="34135"/>
          <ac:picMkLst>
            <pc:docMk/>
            <pc:sldMk cId="3384627276" sldId="277"/>
            <ac:picMk id="10" creationId="{A495130F-8E3D-9255-BE7D-F3E842CDD53B}"/>
          </ac:picMkLst>
        </pc:picChg>
      </pc:sldChg>
    </pc:docChg>
  </pc:docChgLst>
  <pc:docChgLst>
    <pc:chgData name="Kristabela Garnace" userId="997c92d6-c8db-4a35-a0be-1d48cc4c28a8" providerId="ADAL" clId="{EDBA5B0F-2E58-4579-A05C-8F22D88411FD}"/>
    <pc:docChg chg="undo custSel addSld delSld modSld">
      <pc:chgData name="Kristabela Garnace" userId="997c92d6-c8db-4a35-a0be-1d48cc4c28a8" providerId="ADAL" clId="{EDBA5B0F-2E58-4579-A05C-8F22D88411FD}" dt="2024-05-03T11:35:14.923" v="199" actId="20577"/>
      <pc:docMkLst>
        <pc:docMk/>
      </pc:docMkLst>
      <pc:sldChg chg="addSp delSp modSp mod">
        <pc:chgData name="Kristabela Garnace" userId="997c92d6-c8db-4a35-a0be-1d48cc4c28a8" providerId="ADAL" clId="{EDBA5B0F-2E58-4579-A05C-8F22D88411FD}" dt="2024-05-03T11:26:39.765" v="132" actId="14430"/>
        <pc:sldMkLst>
          <pc:docMk/>
          <pc:sldMk cId="2748576720" sldId="257"/>
        </pc:sldMkLst>
        <pc:spChg chg="mod ord">
          <ac:chgData name="Kristabela Garnace" userId="997c92d6-c8db-4a35-a0be-1d48cc4c28a8" providerId="ADAL" clId="{EDBA5B0F-2E58-4579-A05C-8F22D88411FD}" dt="2024-05-03T11:15:23.497" v="126" actId="13244"/>
          <ac:spMkLst>
            <pc:docMk/>
            <pc:sldMk cId="2748576720" sldId="257"/>
            <ac:spMk id="3" creationId="{4B8FD893-D988-594C-A568-5BCEC575C5A4}"/>
          </ac:spMkLst>
        </pc:spChg>
        <pc:spChg chg="mod">
          <ac:chgData name="Kristabela Garnace" userId="997c92d6-c8db-4a35-a0be-1d48cc4c28a8" providerId="ADAL" clId="{EDBA5B0F-2E58-4579-A05C-8F22D88411FD}" dt="2024-05-03T11:10:39.087" v="97" actId="1076"/>
          <ac:spMkLst>
            <pc:docMk/>
            <pc:sldMk cId="2748576720" sldId="257"/>
            <ac:spMk id="4" creationId="{B17441FC-E40F-196E-0302-C494946304D3}"/>
          </ac:spMkLst>
        </pc:spChg>
        <pc:spChg chg="mod ord">
          <ac:chgData name="Kristabela Garnace" userId="997c92d6-c8db-4a35-a0be-1d48cc4c28a8" providerId="ADAL" clId="{EDBA5B0F-2E58-4579-A05C-8F22D88411FD}" dt="2024-05-03T11:25:48.489" v="128" actId="14100"/>
          <ac:spMkLst>
            <pc:docMk/>
            <pc:sldMk cId="2748576720" sldId="257"/>
            <ac:spMk id="5" creationId="{5343F856-735D-0D8B-B6CD-1BC341BC45CE}"/>
          </ac:spMkLst>
        </pc:spChg>
        <pc:spChg chg="mod ord modVis">
          <ac:chgData name="Kristabela Garnace" userId="997c92d6-c8db-4a35-a0be-1d48cc4c28a8" providerId="ADAL" clId="{EDBA5B0F-2E58-4579-A05C-8F22D88411FD}" dt="2024-05-03T11:26:39.765" v="132" actId="14430"/>
          <ac:spMkLst>
            <pc:docMk/>
            <pc:sldMk cId="2748576720" sldId="257"/>
            <ac:spMk id="16" creationId="{A8B114A4-2918-EB2B-8534-67CCE7C155A4}"/>
          </ac:spMkLst>
        </pc:spChg>
        <pc:spChg chg="mod">
          <ac:chgData name="Kristabela Garnace" userId="997c92d6-c8db-4a35-a0be-1d48cc4c28a8" providerId="ADAL" clId="{EDBA5B0F-2E58-4579-A05C-8F22D88411FD}" dt="2024-05-03T11:10:40.042" v="99" actId="1076"/>
          <ac:spMkLst>
            <pc:docMk/>
            <pc:sldMk cId="2748576720" sldId="257"/>
            <ac:spMk id="18" creationId="{3303AB1C-A1C6-67B3-6D5F-F41ABB624B23}"/>
          </ac:spMkLst>
        </pc:spChg>
        <pc:picChg chg="del ord">
          <ac:chgData name="Kristabela Garnace" userId="997c92d6-c8db-4a35-a0be-1d48cc4c28a8" providerId="ADAL" clId="{EDBA5B0F-2E58-4579-A05C-8F22D88411FD}" dt="2024-05-01T11:54:41.349" v="17" actId="478"/>
          <ac:picMkLst>
            <pc:docMk/>
            <pc:sldMk cId="2748576720" sldId="257"/>
            <ac:picMk id="2" creationId="{7E877F00-4ED8-1B71-E914-C3B6117E5A23}"/>
          </ac:picMkLst>
        </pc:picChg>
        <pc:picChg chg="del ord">
          <ac:chgData name="Kristabela Garnace" userId="997c92d6-c8db-4a35-a0be-1d48cc4c28a8" providerId="ADAL" clId="{EDBA5B0F-2E58-4579-A05C-8F22D88411FD}" dt="2024-05-01T11:55:46.062" v="31" actId="478"/>
          <ac:picMkLst>
            <pc:docMk/>
            <pc:sldMk cId="2748576720" sldId="257"/>
            <ac:picMk id="7" creationId="{B0272A9F-73E8-241D-EFAA-B7226B8D39A4}"/>
          </ac:picMkLst>
        </pc:picChg>
        <pc:picChg chg="add mod ord replST">
          <ac:chgData name="Kristabela Garnace" userId="997c92d6-c8db-4a35-a0be-1d48cc4c28a8" providerId="ADAL" clId="{EDBA5B0F-2E58-4579-A05C-8F22D88411FD}" dt="2024-05-03T11:12:41.677" v="111" actId="962"/>
          <ac:picMkLst>
            <pc:docMk/>
            <pc:sldMk cId="2748576720" sldId="257"/>
            <ac:picMk id="8" creationId="{D3CAE67F-6E8A-33C5-02F6-83877017632F}"/>
          </ac:picMkLst>
        </pc:picChg>
        <pc:picChg chg="add del mod">
          <ac:chgData name="Kristabela Garnace" userId="997c92d6-c8db-4a35-a0be-1d48cc4c28a8" providerId="ADAL" clId="{EDBA5B0F-2E58-4579-A05C-8F22D88411FD}" dt="2024-05-01T11:58:16.699" v="45" actId="478"/>
          <ac:picMkLst>
            <pc:docMk/>
            <pc:sldMk cId="2748576720" sldId="257"/>
            <ac:picMk id="10" creationId="{849CC39A-F41B-805A-0D35-CF32521B4DC3}"/>
          </ac:picMkLst>
        </pc:picChg>
        <pc:picChg chg="add mod ord modCrop">
          <ac:chgData name="Kristabela Garnace" userId="997c92d6-c8db-4a35-a0be-1d48cc4c28a8" providerId="ADAL" clId="{EDBA5B0F-2E58-4579-A05C-8F22D88411FD}" dt="2024-05-03T11:15:20.423" v="124" actId="13244"/>
          <ac:picMkLst>
            <pc:docMk/>
            <pc:sldMk cId="2748576720" sldId="257"/>
            <ac:picMk id="12" creationId="{E06FB238-3A62-3E2D-1444-B3870DECE7A1}"/>
          </ac:picMkLst>
        </pc:picChg>
      </pc:sldChg>
      <pc:sldChg chg="addSp delSp modSp mod">
        <pc:chgData name="Kristabela Garnace" userId="997c92d6-c8db-4a35-a0be-1d48cc4c28a8" providerId="ADAL" clId="{EDBA5B0F-2E58-4579-A05C-8F22D88411FD}" dt="2024-05-03T11:33:14.466" v="163" actId="207"/>
        <pc:sldMkLst>
          <pc:docMk/>
          <pc:sldMk cId="3035780936" sldId="271"/>
        </pc:sldMkLst>
        <pc:spChg chg="mod">
          <ac:chgData name="Kristabela Garnace" userId="997c92d6-c8db-4a35-a0be-1d48cc4c28a8" providerId="ADAL" clId="{EDBA5B0F-2E58-4579-A05C-8F22D88411FD}" dt="2024-05-03T11:28:17.221" v="143" actId="34135"/>
          <ac:spMkLst>
            <pc:docMk/>
            <pc:sldMk cId="3035780936" sldId="271"/>
            <ac:spMk id="3" creationId="{81AC7058-B3A9-4B5B-2A01-07F0A404A047}"/>
          </ac:spMkLst>
        </pc:spChg>
        <pc:spChg chg="mod">
          <ac:chgData name="Kristabela Garnace" userId="997c92d6-c8db-4a35-a0be-1d48cc4c28a8" providerId="ADAL" clId="{EDBA5B0F-2E58-4579-A05C-8F22D88411FD}" dt="2024-05-03T11:28:17.221" v="143" actId="34135"/>
          <ac:spMkLst>
            <pc:docMk/>
            <pc:sldMk cId="3035780936" sldId="271"/>
            <ac:spMk id="5" creationId="{8C2F15C8-4893-5703-E7FC-E8C0F7FE8EDB}"/>
          </ac:spMkLst>
        </pc:spChg>
        <pc:spChg chg="mod">
          <ac:chgData name="Kristabela Garnace" userId="997c92d6-c8db-4a35-a0be-1d48cc4c28a8" providerId="ADAL" clId="{EDBA5B0F-2E58-4579-A05C-8F22D88411FD}" dt="2024-05-03T11:29:11.054" v="144"/>
          <ac:spMkLst>
            <pc:docMk/>
            <pc:sldMk cId="3035780936" sldId="271"/>
            <ac:spMk id="6" creationId="{EDE03E55-B8CF-F2DD-7DB9-D0D4340F4751}"/>
          </ac:spMkLst>
        </pc:spChg>
        <pc:spChg chg="mod">
          <ac:chgData name="Kristabela Garnace" userId="997c92d6-c8db-4a35-a0be-1d48cc4c28a8" providerId="ADAL" clId="{EDBA5B0F-2E58-4579-A05C-8F22D88411FD}" dt="2024-05-03T11:29:35.315" v="147" actId="1076"/>
          <ac:spMkLst>
            <pc:docMk/>
            <pc:sldMk cId="3035780936" sldId="271"/>
            <ac:spMk id="7" creationId="{EE91777B-6D0B-EBC0-0E61-47C69AACDBDA}"/>
          </ac:spMkLst>
        </pc:spChg>
        <pc:spChg chg="mod">
          <ac:chgData name="Kristabela Garnace" userId="997c92d6-c8db-4a35-a0be-1d48cc4c28a8" providerId="ADAL" clId="{EDBA5B0F-2E58-4579-A05C-8F22D88411FD}" dt="2024-05-03T11:29:11.054" v="144"/>
          <ac:spMkLst>
            <pc:docMk/>
            <pc:sldMk cId="3035780936" sldId="271"/>
            <ac:spMk id="8" creationId="{8D5BB587-4218-6567-AA5E-120DDD0F77FB}"/>
          </ac:spMkLst>
        </pc:spChg>
        <pc:spChg chg="mod">
          <ac:chgData name="Kristabela Garnace" userId="997c92d6-c8db-4a35-a0be-1d48cc4c28a8" providerId="ADAL" clId="{EDBA5B0F-2E58-4579-A05C-8F22D88411FD}" dt="2024-05-03T11:32:41.384" v="162" actId="207"/>
          <ac:spMkLst>
            <pc:docMk/>
            <pc:sldMk cId="3035780936" sldId="271"/>
            <ac:spMk id="10" creationId="{B9258861-158E-8D2A-4B78-BA3D40E78F37}"/>
          </ac:spMkLst>
        </pc:spChg>
        <pc:spChg chg="mod">
          <ac:chgData name="Kristabela Garnace" userId="997c92d6-c8db-4a35-a0be-1d48cc4c28a8" providerId="ADAL" clId="{EDBA5B0F-2E58-4579-A05C-8F22D88411FD}" dt="2024-05-03T11:33:14.466" v="163" actId="207"/>
          <ac:spMkLst>
            <pc:docMk/>
            <pc:sldMk cId="3035780936" sldId="271"/>
            <ac:spMk id="11" creationId="{993731CD-1DE6-3499-BCCD-9CAAA5751DCD}"/>
          </ac:spMkLst>
        </pc:spChg>
        <pc:spChg chg="mod">
          <ac:chgData name="Kristabela Garnace" userId="997c92d6-c8db-4a35-a0be-1d48cc4c28a8" providerId="ADAL" clId="{EDBA5B0F-2E58-4579-A05C-8F22D88411FD}" dt="2024-05-03T11:30:11.476" v="149"/>
          <ac:spMkLst>
            <pc:docMk/>
            <pc:sldMk cId="3035780936" sldId="271"/>
            <ac:spMk id="12" creationId="{C0F12732-FA4C-2B64-1B92-8D871B6CEDC1}"/>
          </ac:spMkLst>
        </pc:spChg>
        <pc:grpChg chg="add del mod">
          <ac:chgData name="Kristabela Garnace" userId="997c92d6-c8db-4a35-a0be-1d48cc4c28a8" providerId="ADAL" clId="{EDBA5B0F-2E58-4579-A05C-8F22D88411FD}" dt="2024-05-03T11:30:13.483" v="150" actId="478"/>
          <ac:grpSpMkLst>
            <pc:docMk/>
            <pc:sldMk cId="3035780936" sldId="271"/>
            <ac:grpSpMk id="2" creationId="{0F9634E8-A16A-FB7A-0532-EA8364392E84}"/>
          </ac:grpSpMkLst>
        </pc:grpChg>
        <pc:grpChg chg="add mod">
          <ac:chgData name="Kristabela Garnace" userId="997c92d6-c8db-4a35-a0be-1d48cc4c28a8" providerId="ADAL" clId="{EDBA5B0F-2E58-4579-A05C-8F22D88411FD}" dt="2024-05-03T11:31:04.858" v="161" actId="14100"/>
          <ac:grpSpMkLst>
            <pc:docMk/>
            <pc:sldMk cId="3035780936" sldId="271"/>
            <ac:grpSpMk id="9" creationId="{58FBA586-AC7E-BE0A-D427-73F1C8746747}"/>
          </ac:grpSpMkLst>
        </pc:grpChg>
        <pc:picChg chg="mod">
          <ac:chgData name="Kristabela Garnace" userId="997c92d6-c8db-4a35-a0be-1d48cc4c28a8" providerId="ADAL" clId="{EDBA5B0F-2E58-4579-A05C-8F22D88411FD}" dt="2024-05-03T11:28:17.221" v="143" actId="34135"/>
          <ac:picMkLst>
            <pc:docMk/>
            <pc:sldMk cId="3035780936" sldId="271"/>
            <ac:picMk id="4" creationId="{B69E8A99-20F6-65C5-4810-51822F73699E}"/>
          </ac:picMkLst>
        </pc:picChg>
      </pc:sldChg>
      <pc:sldChg chg="modSp mod">
        <pc:chgData name="Kristabela Garnace" userId="997c92d6-c8db-4a35-a0be-1d48cc4c28a8" providerId="ADAL" clId="{EDBA5B0F-2E58-4579-A05C-8F22D88411FD}" dt="2024-05-03T11:35:14.923" v="199" actId="20577"/>
        <pc:sldMkLst>
          <pc:docMk/>
          <pc:sldMk cId="245014488" sldId="273"/>
        </pc:sldMkLst>
        <pc:spChg chg="mod">
          <ac:chgData name="Kristabela Garnace" userId="997c92d6-c8db-4a35-a0be-1d48cc4c28a8" providerId="ADAL" clId="{EDBA5B0F-2E58-4579-A05C-8F22D88411FD}" dt="2024-05-03T11:35:14.923" v="199" actId="20577"/>
          <ac:spMkLst>
            <pc:docMk/>
            <pc:sldMk cId="245014488" sldId="273"/>
            <ac:spMk id="17" creationId="{7E242B1F-447C-C2FD-5776-51AA6272A986}"/>
          </ac:spMkLst>
        </pc:spChg>
        <pc:picChg chg="mod">
          <ac:chgData name="Kristabela Garnace" userId="997c92d6-c8db-4a35-a0be-1d48cc4c28a8" providerId="ADAL" clId="{EDBA5B0F-2E58-4579-A05C-8F22D88411FD}" dt="2024-05-03T11:34:33.696" v="167" actId="14100"/>
          <ac:picMkLst>
            <pc:docMk/>
            <pc:sldMk cId="245014488" sldId="273"/>
            <ac:picMk id="4" creationId="{29FF22C3-D130-1F16-7394-0E2C24F599C8}"/>
          </ac:picMkLst>
        </pc:picChg>
      </pc:sldChg>
      <pc:sldChg chg="addSp delSp modSp mod">
        <pc:chgData name="Kristabela Garnace" userId="997c92d6-c8db-4a35-a0be-1d48cc4c28a8" providerId="ADAL" clId="{EDBA5B0F-2E58-4579-A05C-8F22D88411FD}" dt="2024-05-03T11:27:42.881" v="141" actId="20577"/>
        <pc:sldMkLst>
          <pc:docMk/>
          <pc:sldMk cId="789460267" sldId="274"/>
        </pc:sldMkLst>
        <pc:spChg chg="add del mod">
          <ac:chgData name="Kristabela Garnace" userId="997c92d6-c8db-4a35-a0be-1d48cc4c28a8" providerId="ADAL" clId="{EDBA5B0F-2E58-4579-A05C-8F22D88411FD}" dt="2024-05-03T11:10:00.028" v="83"/>
          <ac:spMkLst>
            <pc:docMk/>
            <pc:sldMk cId="789460267" sldId="274"/>
            <ac:spMk id="2" creationId="{10232BCC-1227-8868-CF3C-658CE956EFF4}"/>
          </ac:spMkLst>
        </pc:spChg>
        <pc:spChg chg="mod">
          <ac:chgData name="Kristabela Garnace" userId="997c92d6-c8db-4a35-a0be-1d48cc4c28a8" providerId="ADAL" clId="{EDBA5B0F-2E58-4579-A05C-8F22D88411FD}" dt="2024-05-03T11:27:42.881" v="141" actId="20577"/>
          <ac:spMkLst>
            <pc:docMk/>
            <pc:sldMk cId="789460267" sldId="274"/>
            <ac:spMk id="5" creationId="{3805FF7A-3484-1EDE-7EE4-BBE196BA4DB2}"/>
          </ac:spMkLst>
        </pc:spChg>
        <pc:spChg chg="mod">
          <ac:chgData name="Kristabela Garnace" userId="997c92d6-c8db-4a35-a0be-1d48cc4c28a8" providerId="ADAL" clId="{EDBA5B0F-2E58-4579-A05C-8F22D88411FD}" dt="2024-05-03T11:27:35.589" v="136" actId="34135"/>
          <ac:spMkLst>
            <pc:docMk/>
            <pc:sldMk cId="789460267" sldId="274"/>
            <ac:spMk id="7" creationId="{22BEFDDE-4F75-E4C1-D461-F2DC7262A728}"/>
          </ac:spMkLst>
        </pc:spChg>
        <pc:spChg chg="mod modVis">
          <ac:chgData name="Kristabela Garnace" userId="997c92d6-c8db-4a35-a0be-1d48cc4c28a8" providerId="ADAL" clId="{EDBA5B0F-2E58-4579-A05C-8F22D88411FD}" dt="2024-05-03T11:27:35.589" v="136" actId="34135"/>
          <ac:spMkLst>
            <pc:docMk/>
            <pc:sldMk cId="789460267" sldId="274"/>
            <ac:spMk id="11" creationId="{D7117594-489B-29F6-A61E-4717D1FEDA54}"/>
          </ac:spMkLst>
        </pc:spChg>
        <pc:picChg chg="mod ord modVis">
          <ac:chgData name="Kristabela Garnace" userId="997c92d6-c8db-4a35-a0be-1d48cc4c28a8" providerId="ADAL" clId="{EDBA5B0F-2E58-4579-A05C-8F22D88411FD}" dt="2024-05-03T11:27:35.589" v="136" actId="34135"/>
          <ac:picMkLst>
            <pc:docMk/>
            <pc:sldMk cId="789460267" sldId="274"/>
            <ac:picMk id="3" creationId="{517B06AD-F5BD-4BA8-22C8-3AE4D888444E}"/>
          </ac:picMkLst>
        </pc:picChg>
        <pc:picChg chg="add del mod">
          <ac:chgData name="Kristabela Garnace" userId="997c92d6-c8db-4a35-a0be-1d48cc4c28a8" providerId="ADAL" clId="{EDBA5B0F-2E58-4579-A05C-8F22D88411FD}" dt="2024-05-03T11:10:00.028" v="83"/>
          <ac:picMkLst>
            <pc:docMk/>
            <pc:sldMk cId="789460267" sldId="274"/>
            <ac:picMk id="4" creationId="{05F85BCB-0EC5-6553-428F-9A93EF8F8C4C}"/>
          </ac:picMkLst>
        </pc:picChg>
        <pc:picChg chg="add del mod">
          <ac:chgData name="Kristabela Garnace" userId="997c92d6-c8db-4a35-a0be-1d48cc4c28a8" providerId="ADAL" clId="{EDBA5B0F-2E58-4579-A05C-8F22D88411FD}" dt="2024-05-03T11:10:27.683" v="92" actId="478"/>
          <ac:picMkLst>
            <pc:docMk/>
            <pc:sldMk cId="789460267" sldId="274"/>
            <ac:picMk id="6" creationId="{FC4931E6-6F4D-D900-7D38-5307963E292C}"/>
          </ac:picMkLst>
        </pc:picChg>
      </pc:sldChg>
      <pc:sldChg chg="addSp modSp new del mod">
        <pc:chgData name="Kristabela Garnace" userId="997c92d6-c8db-4a35-a0be-1d48cc4c28a8" providerId="ADAL" clId="{EDBA5B0F-2E58-4579-A05C-8F22D88411FD}" dt="2024-05-03T11:26:27.062" v="131" actId="47"/>
        <pc:sldMkLst>
          <pc:docMk/>
          <pc:sldMk cId="2431472014" sldId="275"/>
        </pc:sldMkLst>
        <pc:picChg chg="add mod modCrop">
          <ac:chgData name="Kristabela Garnace" userId="997c92d6-c8db-4a35-a0be-1d48cc4c28a8" providerId="ADAL" clId="{EDBA5B0F-2E58-4579-A05C-8F22D88411FD}" dt="2024-05-03T11:26:20.886" v="130" actId="1076"/>
          <ac:picMkLst>
            <pc:docMk/>
            <pc:sldMk cId="2431472014" sldId="275"/>
            <ac:picMk id="3" creationId="{29A33E5B-99A4-9AC6-E08E-A6C113DEBB09}"/>
          </ac:picMkLst>
        </pc:picChg>
      </pc:sldChg>
    </pc:docChg>
  </pc:docChgLst>
  <pc:docChgLst>
    <pc:chgData name="Miora Rakotomavo" userId="0542eb8e-0c83-4bd8-bda9-0dca6cb8b5f9" providerId="ADAL" clId="{D965FEBF-8259-41A6-B36B-237A1031E3A7}"/>
    <pc:docChg chg="undo custSel addSld delSld modSld">
      <pc:chgData name="Miora Rakotomavo" userId="0542eb8e-0c83-4bd8-bda9-0dca6cb8b5f9" providerId="ADAL" clId="{D965FEBF-8259-41A6-B36B-237A1031E3A7}" dt="2024-05-30T08:24:09.355" v="50" actId="34135"/>
      <pc:docMkLst>
        <pc:docMk/>
      </pc:docMkLst>
      <pc:sldChg chg="addSp delSp modSp mod">
        <pc:chgData name="Miora Rakotomavo" userId="0542eb8e-0c83-4bd8-bda9-0dca6cb8b5f9" providerId="ADAL" clId="{D965FEBF-8259-41A6-B36B-237A1031E3A7}" dt="2024-05-30T08:23:56.231" v="49" actId="962"/>
        <pc:sldMkLst>
          <pc:docMk/>
          <pc:sldMk cId="2748576720" sldId="257"/>
        </pc:sldMkLst>
        <pc:spChg chg="mod modVis">
          <ac:chgData name="Miora Rakotomavo" userId="0542eb8e-0c83-4bd8-bda9-0dca6cb8b5f9" providerId="ADAL" clId="{D965FEBF-8259-41A6-B36B-237A1031E3A7}" dt="2024-05-30T08:23:51.017" v="48" actId="962"/>
          <ac:spMkLst>
            <pc:docMk/>
            <pc:sldMk cId="2748576720" sldId="257"/>
            <ac:spMk id="16" creationId="{A8B114A4-2918-EB2B-8534-67CCE7C155A4}"/>
          </ac:spMkLst>
        </pc:spChg>
        <pc:picChg chg="add mod">
          <ac:chgData name="Miora Rakotomavo" userId="0542eb8e-0c83-4bd8-bda9-0dca6cb8b5f9" providerId="ADAL" clId="{D965FEBF-8259-41A6-B36B-237A1031E3A7}" dt="2024-05-30T08:23:56.231" v="49" actId="962"/>
          <ac:picMkLst>
            <pc:docMk/>
            <pc:sldMk cId="2748576720" sldId="257"/>
            <ac:picMk id="3" creationId="{F91F880B-A755-5C2E-D781-6726334C5B63}"/>
          </ac:picMkLst>
        </pc:picChg>
        <pc:picChg chg="del">
          <ac:chgData name="Miora Rakotomavo" userId="0542eb8e-0c83-4bd8-bda9-0dca6cb8b5f9" providerId="ADAL" clId="{D965FEBF-8259-41A6-B36B-237A1031E3A7}" dt="2024-05-30T08:17:55.611" v="0" actId="478"/>
          <ac:picMkLst>
            <pc:docMk/>
            <pc:sldMk cId="2748576720" sldId="257"/>
            <ac:picMk id="9" creationId="{34F779DA-5C51-BF63-6650-FF9C5DDFF43F}"/>
          </ac:picMkLst>
        </pc:picChg>
      </pc:sldChg>
      <pc:sldChg chg="del">
        <pc:chgData name="Miora Rakotomavo" userId="0542eb8e-0c83-4bd8-bda9-0dca6cb8b5f9" providerId="ADAL" clId="{D965FEBF-8259-41A6-B36B-237A1031E3A7}" dt="2024-05-30T08:21:05.487" v="25" actId="2696"/>
        <pc:sldMkLst>
          <pc:docMk/>
          <pc:sldMk cId="3035780936" sldId="271"/>
        </pc:sldMkLst>
      </pc:sldChg>
      <pc:sldChg chg="addSp delSp modSp mod">
        <pc:chgData name="Miora Rakotomavo" userId="0542eb8e-0c83-4bd8-bda9-0dca6cb8b5f9" providerId="ADAL" clId="{D965FEBF-8259-41A6-B36B-237A1031E3A7}" dt="2024-05-30T08:20:31.173" v="22" actId="34135"/>
        <pc:sldMkLst>
          <pc:docMk/>
          <pc:sldMk cId="245014488" sldId="273"/>
        </pc:sldMkLst>
        <pc:picChg chg="del">
          <ac:chgData name="Miora Rakotomavo" userId="0542eb8e-0c83-4bd8-bda9-0dca6cb8b5f9" providerId="ADAL" clId="{D965FEBF-8259-41A6-B36B-237A1031E3A7}" dt="2024-05-30T08:20:21.126" v="20" actId="478"/>
          <ac:picMkLst>
            <pc:docMk/>
            <pc:sldMk cId="245014488" sldId="273"/>
            <ac:picMk id="3" creationId="{FCF3915B-77E5-97B6-FB76-4E4006E3E4C1}"/>
          </ac:picMkLst>
        </pc:picChg>
        <pc:picChg chg="add mod">
          <ac:chgData name="Miora Rakotomavo" userId="0542eb8e-0c83-4bd8-bda9-0dca6cb8b5f9" providerId="ADAL" clId="{D965FEBF-8259-41A6-B36B-237A1031E3A7}" dt="2024-05-30T08:20:31.173" v="22" actId="34135"/>
          <ac:picMkLst>
            <pc:docMk/>
            <pc:sldMk cId="245014488" sldId="273"/>
            <ac:picMk id="4" creationId="{91E5097D-9F8D-F527-700A-FA79D200CCBA}"/>
          </ac:picMkLst>
        </pc:picChg>
      </pc:sldChg>
      <pc:sldChg chg="addSp delSp modSp mod">
        <pc:chgData name="Miora Rakotomavo" userId="0542eb8e-0c83-4bd8-bda9-0dca6cb8b5f9" providerId="ADAL" clId="{D965FEBF-8259-41A6-B36B-237A1031E3A7}" dt="2024-05-30T08:24:09.355" v="50" actId="34135"/>
        <pc:sldMkLst>
          <pc:docMk/>
          <pc:sldMk cId="789460267" sldId="274"/>
        </pc:sldMkLst>
        <pc:spChg chg="mod modVis">
          <ac:chgData name="Miora Rakotomavo" userId="0542eb8e-0c83-4bd8-bda9-0dca6cb8b5f9" providerId="ADAL" clId="{D965FEBF-8259-41A6-B36B-237A1031E3A7}" dt="2024-05-30T08:22:03.037" v="36" actId="14429"/>
          <ac:spMkLst>
            <pc:docMk/>
            <pc:sldMk cId="789460267" sldId="274"/>
            <ac:spMk id="5" creationId="{3805FF7A-3484-1EDE-7EE4-BBE196BA4DB2}"/>
          </ac:spMkLst>
        </pc:spChg>
        <pc:spChg chg="mod modVis">
          <ac:chgData name="Miora Rakotomavo" userId="0542eb8e-0c83-4bd8-bda9-0dca6cb8b5f9" providerId="ADAL" clId="{D965FEBF-8259-41A6-B36B-237A1031E3A7}" dt="2024-05-30T08:22:02.045" v="34" actId="14429"/>
          <ac:spMkLst>
            <pc:docMk/>
            <pc:sldMk cId="789460267" sldId="274"/>
            <ac:spMk id="7" creationId="{22BEFDDE-4F75-E4C1-D461-F2DC7262A728}"/>
          </ac:spMkLst>
        </pc:spChg>
        <pc:spChg chg="add del mod modVis">
          <ac:chgData name="Miora Rakotomavo" userId="0542eb8e-0c83-4bd8-bda9-0dca6cb8b5f9" providerId="ADAL" clId="{D965FEBF-8259-41A6-B36B-237A1031E3A7}" dt="2024-05-30T08:22:00.610" v="32" actId="14429"/>
          <ac:spMkLst>
            <pc:docMk/>
            <pc:sldMk cId="789460267" sldId="274"/>
            <ac:spMk id="11" creationId="{D7117594-489B-29F6-A61E-4717D1FEDA54}"/>
          </ac:spMkLst>
        </pc:spChg>
        <pc:picChg chg="add del mod modVis">
          <ac:chgData name="Miora Rakotomavo" userId="0542eb8e-0c83-4bd8-bda9-0dca6cb8b5f9" providerId="ADAL" clId="{D965FEBF-8259-41A6-B36B-237A1031E3A7}" dt="2024-05-30T08:19:41.654" v="16" actId="478"/>
          <ac:picMkLst>
            <pc:docMk/>
            <pc:sldMk cId="789460267" sldId="274"/>
            <ac:picMk id="3" creationId="{517B06AD-F5BD-4BA8-22C8-3AE4D888444E}"/>
          </ac:picMkLst>
        </pc:picChg>
        <pc:picChg chg="add del mod">
          <ac:chgData name="Miora Rakotomavo" userId="0542eb8e-0c83-4bd8-bda9-0dca6cb8b5f9" providerId="ADAL" clId="{D965FEBF-8259-41A6-B36B-237A1031E3A7}" dt="2024-05-30T08:18:48.279" v="9" actId="931"/>
          <ac:picMkLst>
            <pc:docMk/>
            <pc:sldMk cId="789460267" sldId="274"/>
            <ac:picMk id="4" creationId="{C928F859-76B4-1A89-C00F-5F16B1CDE4EC}"/>
          </ac:picMkLst>
        </pc:picChg>
        <pc:picChg chg="add mod ord">
          <ac:chgData name="Miora Rakotomavo" userId="0542eb8e-0c83-4bd8-bda9-0dca6cb8b5f9" providerId="ADAL" clId="{D965FEBF-8259-41A6-B36B-237A1031E3A7}" dt="2024-05-30T08:24:09.355" v="50" actId="34135"/>
          <ac:picMkLst>
            <pc:docMk/>
            <pc:sldMk cId="789460267" sldId="274"/>
            <ac:picMk id="6" creationId="{966BA030-2788-0763-B74F-AABF6C1AAD68}"/>
          </ac:picMkLst>
        </pc:picChg>
      </pc:sldChg>
      <pc:sldChg chg="addSp delSp modSp new del mod">
        <pc:chgData name="Miora Rakotomavo" userId="0542eb8e-0c83-4bd8-bda9-0dca6cb8b5f9" providerId="ADAL" clId="{D965FEBF-8259-41A6-B36B-237A1031E3A7}" dt="2024-05-30T08:23:23.510" v="43" actId="2696"/>
        <pc:sldMkLst>
          <pc:docMk/>
          <pc:sldMk cId="2612225231" sldId="275"/>
        </pc:sldMkLst>
        <pc:spChg chg="add mod modVis">
          <ac:chgData name="Miora Rakotomavo" userId="0542eb8e-0c83-4bd8-bda9-0dca6cb8b5f9" providerId="ADAL" clId="{D965FEBF-8259-41A6-B36B-237A1031E3A7}" dt="2024-05-30T08:21:46.402" v="30" actId="33935"/>
          <ac:spMkLst>
            <pc:docMk/>
            <pc:sldMk cId="2612225231" sldId="275"/>
            <ac:spMk id="4" creationId="{D76E047F-256D-CB51-FB1F-21E016E9A5AE}"/>
          </ac:spMkLst>
        </pc:spChg>
        <pc:picChg chg="add mod modVis">
          <ac:chgData name="Miora Rakotomavo" userId="0542eb8e-0c83-4bd8-bda9-0dca6cb8b5f9" providerId="ADAL" clId="{D965FEBF-8259-41A6-B36B-237A1031E3A7}" dt="2024-05-30T08:21:46.402" v="30" actId="33935"/>
          <ac:picMkLst>
            <pc:docMk/>
            <pc:sldMk cId="2612225231" sldId="275"/>
            <ac:picMk id="3" creationId="{353C3F1B-9692-1C5D-D997-A4B7CADB6A2B}"/>
          </ac:picMkLst>
        </pc:picChg>
        <pc:picChg chg="add del mod">
          <ac:chgData name="Miora Rakotomavo" userId="0542eb8e-0c83-4bd8-bda9-0dca6cb8b5f9" providerId="ADAL" clId="{D965FEBF-8259-41A6-B36B-237A1031E3A7}" dt="2024-05-30T08:23:00.114" v="40" actId="478"/>
          <ac:picMkLst>
            <pc:docMk/>
            <pc:sldMk cId="2612225231" sldId="275"/>
            <ac:picMk id="5" creationId="{ECC0412A-250C-9525-3A1D-D9EE18C48CC1}"/>
          </ac:picMkLst>
        </pc:picChg>
      </pc:sldChg>
      <pc:sldChg chg="add">
        <pc:chgData name="Miora Rakotomavo" userId="0542eb8e-0c83-4bd8-bda9-0dca6cb8b5f9" providerId="ADAL" clId="{D965FEBF-8259-41A6-B36B-237A1031E3A7}" dt="2024-05-30T08:21:01.720" v="24"/>
        <pc:sldMkLst>
          <pc:docMk/>
          <pc:sldMk cId="3288157543" sldId="276"/>
        </pc:sldMkLst>
      </pc:sldChg>
    </pc:docChg>
  </pc:docChgLst>
  <pc:docChgLst>
    <pc:chgData name="Katie Erofeeva" userId="9bb4228e-397b-48a3-9610-2a1c04e66adc" providerId="ADAL" clId="{11D6ADB8-630C-4BB9-8E5F-05D85DEC97A5}"/>
    <pc:docChg chg="modSld">
      <pc:chgData name="Katie Erofeeva" userId="9bb4228e-397b-48a3-9610-2a1c04e66adc" providerId="ADAL" clId="{11D6ADB8-630C-4BB9-8E5F-05D85DEC97A5}" dt="2024-05-29T15:54:59.834" v="0" actId="14429"/>
      <pc:docMkLst>
        <pc:docMk/>
      </pc:docMkLst>
      <pc:sldChg chg="modSp mod">
        <pc:chgData name="Katie Erofeeva" userId="9bb4228e-397b-48a3-9610-2a1c04e66adc" providerId="ADAL" clId="{11D6ADB8-630C-4BB9-8E5F-05D85DEC97A5}" dt="2024-05-29T15:54:59.834" v="0" actId="14429"/>
        <pc:sldMkLst>
          <pc:docMk/>
          <pc:sldMk cId="2748576720" sldId="257"/>
        </pc:sldMkLst>
        <pc:spChg chg="mod modVis">
          <ac:chgData name="Katie Erofeeva" userId="9bb4228e-397b-48a3-9610-2a1c04e66adc" providerId="ADAL" clId="{11D6ADB8-630C-4BB9-8E5F-05D85DEC97A5}" dt="2024-05-29T15:54:59.834" v="0" actId="14429"/>
          <ac:spMkLst>
            <pc:docMk/>
            <pc:sldMk cId="2748576720" sldId="257"/>
            <ac:spMk id="16" creationId="{A8B114A4-2918-EB2B-8534-67CCE7C155A4}"/>
          </ac:spMkLst>
        </pc:spChg>
      </pc:sldChg>
    </pc:docChg>
  </pc:docChgLst>
  <pc:docChgLst>
    <pc:chgData name="Kristabela Garnace" userId="997c92d6-c8db-4a35-a0be-1d48cc4c28a8" providerId="ADAL" clId="{535A3415-2C89-4EF4-AC6B-AA2D82C2AF7B}"/>
    <pc:docChg chg="undo custSel modSld">
      <pc:chgData name="Kristabela Garnace" userId="997c92d6-c8db-4a35-a0be-1d48cc4c28a8" providerId="ADAL" clId="{535A3415-2C89-4EF4-AC6B-AA2D82C2AF7B}" dt="2024-04-24T09:18:04.387" v="1" actId="1076"/>
      <pc:docMkLst>
        <pc:docMk/>
      </pc:docMkLst>
      <pc:sldChg chg="modSp mod">
        <pc:chgData name="Kristabela Garnace" userId="997c92d6-c8db-4a35-a0be-1d48cc4c28a8" providerId="ADAL" clId="{535A3415-2C89-4EF4-AC6B-AA2D82C2AF7B}" dt="2024-04-24T09:18:04.387" v="1" actId="1076"/>
        <pc:sldMkLst>
          <pc:docMk/>
          <pc:sldMk cId="245014488" sldId="273"/>
        </pc:sldMkLst>
        <pc:picChg chg="mod">
          <ac:chgData name="Kristabela Garnace" userId="997c92d6-c8db-4a35-a0be-1d48cc4c28a8" providerId="ADAL" clId="{535A3415-2C89-4EF4-AC6B-AA2D82C2AF7B}" dt="2024-04-24T09:18:04.387" v="1" actId="1076"/>
          <ac:picMkLst>
            <pc:docMk/>
            <pc:sldMk cId="245014488" sldId="273"/>
            <ac:picMk id="4" creationId="{29FF22C3-D130-1F16-7394-0E2C24F599C8}"/>
          </ac:picMkLst>
        </pc:pic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08/12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8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8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8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8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8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8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12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ata.org/en/events/all/legal-symposium/" TargetMode="External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romotional Kit title">
            <a:extLst>
              <a:ext uri="{FF2B5EF4-FFF2-40B4-BE49-F238E27FC236}">
                <a16:creationId xmlns:a16="http://schemas.microsoft.com/office/drawing/2014/main" id="{A8B114A4-2918-EB2B-8534-67CCE7C155A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16971" y="3999896"/>
            <a:ext cx="5904000" cy="1753204"/>
          </a:xfrm>
        </p:spPr>
        <p:txBody>
          <a:bodyPr/>
          <a:lstStyle/>
          <a:p>
            <a:r>
              <a:rPr lang="en-US" dirty="0"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Promotional Kit</a:t>
            </a:r>
          </a:p>
        </p:txBody>
      </p:sp>
      <p:pic>
        <p:nvPicPr>
          <p:cNvPr id="4" name="Picture 3" descr="A city skyline with water and a body of water&#10;&#10;Description automatically generated">
            <a:extLst>
              <a:ext uri="{FF2B5EF4-FFF2-40B4-BE49-F238E27FC236}">
                <a16:creationId xmlns:a16="http://schemas.microsoft.com/office/drawing/2014/main" id="{C9ABF6F5-5903-79B3-2717-BE07E77CB1C6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36" y="0"/>
            <a:ext cx="12172327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A poster with a city in the background&#10;&#10;Description automatically generated">
            <a:extLst>
              <a:ext uri="{FF2B5EF4-FFF2-40B4-BE49-F238E27FC236}">
                <a16:creationId xmlns:a16="http://schemas.microsoft.com/office/drawing/2014/main" id="{C9798500-77CC-57E7-21CB-5CA34DE461E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60033" y="3552236"/>
            <a:ext cx="4871258" cy="2743200"/>
          </a:xfrm>
          <a:prstGeom prst="rect">
            <a:avLst/>
          </a:prstGeom>
        </p:spPr>
      </p:pic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LS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LS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58FBA586-AC7E-BE0A-D427-73F1C8746747}"/>
              </a:ext>
            </a:extLst>
          </p:cNvPr>
          <p:cNvGrpSpPr>
            <a:grpSpLocks noGrp="1" noUngrp="1" noRot="1" noChangeAspect="1" noMove="1" noResize="1"/>
          </p:cNvGrpSpPr>
          <p:nvPr/>
        </p:nvGrpSpPr>
        <p:grpSpPr>
          <a:xfrm>
            <a:off x="7060279" y="3962660"/>
            <a:ext cx="641288" cy="1280295"/>
            <a:chOff x="1306168" y="815353"/>
            <a:chExt cx="991737" cy="1979946"/>
          </a:xfrm>
        </p:grpSpPr>
        <p:sp>
          <p:nvSpPr>
            <p:cNvPr id="10" name="Freeform 5">
              <a:extLst>
                <a:ext uri="{FF2B5EF4-FFF2-40B4-BE49-F238E27FC236}">
                  <a16:creationId xmlns:a16="http://schemas.microsoft.com/office/drawing/2014/main" id="{B9258861-158E-8D2A-4B78-BA3D40E78F37}"/>
                </a:ext>
              </a:extLst>
            </p:cNvPr>
            <p:cNvSpPr>
              <a:spLocks noGrp="1" noRot="1" noChangeAspect="1" noMove="1" noResize="1" noEditPoints="1" noAdjustHandles="1" noChangeArrowheads="1" noChangeShapeType="1"/>
            </p:cNvSpPr>
            <p:nvPr/>
          </p:nvSpPr>
          <p:spPr bwMode="auto">
            <a:xfrm flipH="1">
              <a:off x="1307306" y="1808279"/>
              <a:ext cx="985838" cy="987020"/>
            </a:xfrm>
            <a:custGeom>
              <a:avLst/>
              <a:gdLst>
                <a:gd name="T0" fmla="*/ 0 w 3326"/>
                <a:gd name="T1" fmla="*/ 0 h 3330"/>
                <a:gd name="T2" fmla="*/ 0 w 3326"/>
                <a:gd name="T3" fmla="*/ 1665 h 3330"/>
                <a:gd name="T4" fmla="*/ 1109 w 3326"/>
                <a:gd name="T5" fmla="*/ 1665 h 3330"/>
                <a:gd name="T6" fmla="*/ 1109 w 3326"/>
                <a:gd name="T7" fmla="*/ 3330 h 3330"/>
                <a:gd name="T8" fmla="*/ 3326 w 3326"/>
                <a:gd name="T9" fmla="*/ 3330 h 3330"/>
                <a:gd name="T10" fmla="*/ 3326 w 3326"/>
                <a:gd name="T11" fmla="*/ 0 h 3330"/>
                <a:gd name="T12" fmla="*/ 0 w 3326"/>
                <a:gd name="T13" fmla="*/ 0 h 33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326" h="3330">
                  <a:moveTo>
                    <a:pt x="0" y="0"/>
                  </a:moveTo>
                  <a:lnTo>
                    <a:pt x="0" y="1665"/>
                  </a:lnTo>
                  <a:lnTo>
                    <a:pt x="1109" y="1665"/>
                  </a:lnTo>
                  <a:lnTo>
                    <a:pt x="1109" y="3330"/>
                  </a:lnTo>
                  <a:lnTo>
                    <a:pt x="3326" y="3330"/>
                  </a:lnTo>
                  <a:lnTo>
                    <a:pt x="332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1E32FA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Oval 10">
              <a:extLst>
                <a:ext uri="{FF2B5EF4-FFF2-40B4-BE49-F238E27FC236}">
                  <a16:creationId xmlns:a16="http://schemas.microsoft.com/office/drawing/2014/main" id="{993731CD-1DE6-3499-BCCD-9CAAA5751DCD}"/>
                </a:ext>
              </a:extLst>
            </p:cNvPr>
            <p:cNvSpPr>
              <a:spLocks noGrp="1" noRot="1" noChangeAspect="1" noMove="1" noResize="1" noEditPoints="1" noAdjustHandles="1" noChangeArrowheads="1" noChangeShapeType="1"/>
            </p:cNvSpPr>
            <p:nvPr/>
          </p:nvSpPr>
          <p:spPr bwMode="auto">
            <a:xfrm>
              <a:off x="1306168" y="815353"/>
              <a:ext cx="991737" cy="992926"/>
            </a:xfrm>
            <a:prstGeom prst="ellipse">
              <a:avLst/>
            </a:prstGeom>
            <a:solidFill>
              <a:srgbClr val="FAC832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2" name="Freeform: Shape 11">
              <a:extLst>
                <a:ext uri="{FF2B5EF4-FFF2-40B4-BE49-F238E27FC236}">
                  <a16:creationId xmlns:a16="http://schemas.microsoft.com/office/drawing/2014/main" id="{C0F12732-FA4C-2B64-1B92-8D871B6CEDC1}"/>
                </a:ext>
              </a:extLst>
            </p:cNvPr>
            <p:cNvSpPr>
              <a:spLocks noGrp="1" noRot="1" noChangeAspect="1" noMove="1" noResize="1" noEditPoints="1" noAdjustHandles="1" noChangeArrowheads="1" noChangeShapeType="1"/>
            </p:cNvSpPr>
            <p:nvPr/>
          </p:nvSpPr>
          <p:spPr bwMode="auto">
            <a:xfrm rot="16200000">
              <a:off x="1685021" y="1351310"/>
              <a:ext cx="230410" cy="460407"/>
            </a:xfrm>
            <a:custGeom>
              <a:avLst/>
              <a:gdLst>
                <a:gd name="connsiteX0" fmla="*/ 270676 w 270676"/>
                <a:gd name="connsiteY0" fmla="*/ 0 h 540866"/>
                <a:gd name="connsiteX1" fmla="*/ 270676 w 270676"/>
                <a:gd name="connsiteY1" fmla="*/ 270352 h 540866"/>
                <a:gd name="connsiteX2" fmla="*/ 270514 w 270676"/>
                <a:gd name="connsiteY2" fmla="*/ 270352 h 540866"/>
                <a:gd name="connsiteX3" fmla="*/ 270514 w 270676"/>
                <a:gd name="connsiteY3" fmla="*/ 274419 h 540866"/>
                <a:gd name="connsiteX4" fmla="*/ 270514 w 270676"/>
                <a:gd name="connsiteY4" fmla="*/ 540866 h 540866"/>
                <a:gd name="connsiteX5" fmla="*/ 5653 w 270676"/>
                <a:gd name="connsiteY5" fmla="*/ 324752 h 540866"/>
                <a:gd name="connsiteX6" fmla="*/ 178 w 270676"/>
                <a:gd name="connsiteY6" fmla="*/ 270352 h 540866"/>
                <a:gd name="connsiteX7" fmla="*/ 0 w 270676"/>
                <a:gd name="connsiteY7" fmla="*/ 270352 h 540866"/>
                <a:gd name="connsiteX8" fmla="*/ 270676 w 270676"/>
                <a:gd name="connsiteY8" fmla="*/ 0 h 5408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0676" h="540866">
                  <a:moveTo>
                    <a:pt x="270676" y="0"/>
                  </a:moveTo>
                  <a:lnTo>
                    <a:pt x="270676" y="270352"/>
                  </a:lnTo>
                  <a:lnTo>
                    <a:pt x="270514" y="270352"/>
                  </a:lnTo>
                  <a:lnTo>
                    <a:pt x="270514" y="274419"/>
                  </a:lnTo>
                  <a:cubicBezTo>
                    <a:pt x="270514" y="287107"/>
                    <a:pt x="270514" y="337859"/>
                    <a:pt x="270514" y="540866"/>
                  </a:cubicBezTo>
                  <a:cubicBezTo>
                    <a:pt x="139832" y="540866"/>
                    <a:pt x="30855" y="448114"/>
                    <a:pt x="5653" y="324752"/>
                  </a:cubicBezTo>
                  <a:lnTo>
                    <a:pt x="178" y="270352"/>
                  </a:lnTo>
                  <a:lnTo>
                    <a:pt x="0" y="270352"/>
                  </a:lnTo>
                  <a:cubicBezTo>
                    <a:pt x="0" y="121001"/>
                    <a:pt x="121146" y="0"/>
                    <a:pt x="270676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28815754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city skyline with a body of water&#10;&#10;Description automatically generated">
            <a:extLst>
              <a:ext uri="{FF2B5EF4-FFF2-40B4-BE49-F238E27FC236}">
                <a16:creationId xmlns:a16="http://schemas.microsoft.com/office/drawing/2014/main" id="{A495130F-8E3D-9255-BE7D-F3E842CDD53B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79"/>
            <a:ext cx="12192000" cy="6856442"/>
          </a:xfrm>
          <a:prstGeom prst="rect">
            <a:avLst/>
          </a:prstGeom>
        </p:spPr>
      </p:pic>
      <p:sp>
        <p:nvSpPr>
          <p:cNvPr id="12" name="Picture Placeholder">
            <a:extLst>
              <a:ext uri="{FF2B5EF4-FFF2-40B4-BE49-F238E27FC236}">
                <a16:creationId xmlns:a16="http://schemas.microsoft.com/office/drawing/2014/main" id="{9BDA557D-5FEA-9A7F-BDC9-33AF609AAC40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/>
          </a:p>
        </p:txBody>
      </p:sp>
      <p:sp>
        <p:nvSpPr>
          <p:cNvPr id="13" name="Text">
            <a:extLst>
              <a:ext uri="{FF2B5EF4-FFF2-40B4-BE49-F238E27FC236}">
                <a16:creationId xmlns:a16="http://schemas.microsoft.com/office/drawing/2014/main" id="{03077828-2617-A320-F2E6-8DB883BEE55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08757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</a:t>
            </a:r>
            <a:r>
              <a:rPr lang="fr-FR" sz="1800" b="1" dirty="0" err="1">
                <a:latin typeface="Aktiv Grotesk" panose="020B0504020202020204"/>
              </a:rPr>
              <a:t>here</a:t>
            </a:r>
            <a:r>
              <a:rPr lang="fr-FR" sz="1800" b="1" dirty="0">
                <a:latin typeface="Aktiv Grotesk" panose="020B0504020202020204"/>
              </a:rPr>
              <a:t>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</p:spTree>
    <p:extLst>
      <p:ext uri="{BB962C8B-B14F-4D97-AF65-F5344CB8AC3E}">
        <p14:creationId xmlns:p14="http://schemas.microsoft.com/office/powerpoint/2010/main" val="338462727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city next to water&#10;&#10;Description automatically generated">
            <a:extLst>
              <a:ext uri="{FF2B5EF4-FFF2-40B4-BE49-F238E27FC236}">
                <a16:creationId xmlns:a16="http://schemas.microsoft.com/office/drawing/2014/main" id="{1F3C476F-4D3F-0998-3877-A2B32703D766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84" y="0"/>
            <a:ext cx="12169832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1F3C476F-4D3F-0998-3877-A2B32703D766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084" y="0"/>
            <a:ext cx="12169832" cy="68579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33585170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ffaaae9-dc8c-459f-a92e-1529c78bcbdb">
      <Terms xmlns="http://schemas.microsoft.com/office/infopath/2007/PartnerControls"/>
    </lcf76f155ced4ddcb4097134ff3c332f>
    <TaxCatchAll xmlns="da655568-1247-43c7-b5ce-0d71de2fb494" xsi:nil="true"/>
    <Teammemberincharge xmlns="4ffaaae9-dc8c-459f-a92e-1529c78bcbdb" xsi:nil="true"/>
    <SharedWithUsers xmlns="86e16ca4-215f-4354-b2b5-4fac53992da1">
      <UserInfo>
        <DisplayName/>
        <AccountId xsi:nil="true"/>
        <AccountType/>
      </UserInfo>
    </SharedWithUsers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9" ma:contentTypeDescription="Create a new document." ma:contentTypeScope="" ma:versionID="8ddd99b71bf0388c7b93c71865c96e3c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527dc623d05d98141f8c1c9345ae6690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B34183C6-7270-4AC2-9CD2-45B68A49FD3D}">
  <ds:schemaRefs>
    <ds:schemaRef ds:uri="http://purl.org/dc/terms/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86e16ca4-215f-4354-b2b5-4fac53992da1"/>
    <ds:schemaRef ds:uri="http://purl.org/dc/elements/1.1/"/>
    <ds:schemaRef ds:uri="http://schemas.microsoft.com/office/2006/metadata/properties"/>
    <ds:schemaRef ds:uri="http://schemas.openxmlformats.org/package/2006/metadata/core-properties"/>
    <ds:schemaRef ds:uri="4ffaaae9-dc8c-459f-a92e-1529c78bcbdb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5D9B7FF1-9DE2-4999-90BC-EF0FF499CBB5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219</TotalTime>
  <Words>113</Words>
  <Application>Microsoft Office PowerPoint</Application>
  <PresentationFormat>Widescreen</PresentationFormat>
  <Paragraphs>9</Paragraphs>
  <Slides>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12" baseType="lpstr">
      <vt:lpstr>Aktiv Grotesk</vt:lpstr>
      <vt:lpstr>Aktiv Grotesk Medium</vt:lpstr>
      <vt:lpstr>Arial</vt:lpstr>
      <vt:lpstr>Calibri</vt:lpstr>
      <vt:lpstr>Calibri Light</vt:lpstr>
      <vt:lpstr>Wingdings</vt:lpstr>
      <vt:lpstr>Office Theme</vt:lpstr>
      <vt:lpstr>Promotional Kit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LS 2025 - Promotional Kit</dc:title>
  <dc:creator>Christine Murphy</dc:creator>
  <cp:lastModifiedBy>Kristabela Garnace</cp:lastModifiedBy>
  <cp:revision>4</cp:revision>
  <dcterms:created xsi:type="dcterms:W3CDTF">2023-06-13T12:34:15Z</dcterms:created>
  <dcterms:modified xsi:type="dcterms:W3CDTF">2024-12-08T20:30:1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D35BE1AB82ED949983D4C3BEFB295AA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</Properties>
</file>